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🍁令和5年9月1日現在\03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8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1.7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1477</v>
      </c>
      <c r="E6" s="23">
        <v>-3276</v>
      </c>
      <c r="F6" s="23">
        <v>5029</v>
      </c>
      <c r="G6" s="23">
        <v>8305</v>
      </c>
      <c r="H6" s="23">
        <v>1799</v>
      </c>
      <c r="I6" s="23">
        <v>38133</v>
      </c>
      <c r="J6" s="23">
        <v>36334</v>
      </c>
      <c r="K6" s="24">
        <v>-1.5997133729539481E-2</v>
      </c>
      <c r="L6" s="25">
        <v>98.281234025041016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1334</v>
      </c>
      <c r="E7" s="29">
        <v>-3078</v>
      </c>
      <c r="F7" s="29">
        <v>4898</v>
      </c>
      <c r="G7" s="29">
        <v>7976</v>
      </c>
      <c r="H7" s="29">
        <v>1744</v>
      </c>
      <c r="I7" s="29">
        <v>37091</v>
      </c>
      <c r="J7" s="29">
        <v>35347</v>
      </c>
      <c r="K7" s="30">
        <v>-1.49083777371653E-2</v>
      </c>
      <c r="L7" s="31">
        <v>98.333530632594631</v>
      </c>
      <c r="M7" s="32">
        <v>96.915189818432196</v>
      </c>
      <c r="N7" s="19"/>
    </row>
    <row r="8" spans="1:15" s="6" customFormat="1" ht="21.75" customHeight="1">
      <c r="A8" s="14"/>
      <c r="B8" s="71" t="s">
        <v>31</v>
      </c>
      <c r="C8" s="28"/>
      <c r="D8" s="2">
        <v>-143</v>
      </c>
      <c r="E8" s="29">
        <v>-198</v>
      </c>
      <c r="F8" s="29">
        <v>131</v>
      </c>
      <c r="G8" s="29">
        <v>329</v>
      </c>
      <c r="H8" s="29">
        <v>55</v>
      </c>
      <c r="I8" s="29">
        <v>1042</v>
      </c>
      <c r="J8" s="29">
        <v>987</v>
      </c>
      <c r="K8" s="30">
        <v>-5.0190407665444081E-2</v>
      </c>
      <c r="L8" s="31">
        <v>96.652164905738559</v>
      </c>
      <c r="M8" s="32">
        <v>3.0848101815678119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963</v>
      </c>
      <c r="E10" s="41">
        <v>-1251</v>
      </c>
      <c r="F10" s="41">
        <v>2099</v>
      </c>
      <c r="G10" s="41">
        <v>3350</v>
      </c>
      <c r="H10" s="41">
        <v>288</v>
      </c>
      <c r="I10" s="41">
        <v>16259</v>
      </c>
      <c r="J10" s="41">
        <v>15971</v>
      </c>
      <c r="K10" s="42">
        <v>-2.5520730226800584E-2</v>
      </c>
      <c r="L10" s="43">
        <v>97.254962041214782</v>
      </c>
      <c r="M10" s="44">
        <v>40.865188014810713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490</v>
      </c>
      <c r="E11" s="29">
        <v>-142</v>
      </c>
      <c r="F11" s="29">
        <v>1047</v>
      </c>
      <c r="G11" s="29">
        <v>1189</v>
      </c>
      <c r="H11" s="29">
        <v>632</v>
      </c>
      <c r="I11" s="29">
        <v>8168</v>
      </c>
      <c r="J11" s="29">
        <v>7536</v>
      </c>
      <c r="K11" s="30">
        <v>3.1713342450379947E-2</v>
      </c>
      <c r="L11" s="31">
        <v>101.30021008102381</v>
      </c>
      <c r="M11" s="32">
        <v>16.742601116815418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-185</v>
      </c>
      <c r="E12" s="41">
        <v>-229</v>
      </c>
      <c r="F12" s="41">
        <v>359</v>
      </c>
      <c r="G12" s="41">
        <v>588</v>
      </c>
      <c r="H12" s="41">
        <v>44</v>
      </c>
      <c r="I12" s="41">
        <v>2644</v>
      </c>
      <c r="J12" s="41">
        <v>2600</v>
      </c>
      <c r="K12" s="42">
        <v>-2.550967644077963E-2</v>
      </c>
      <c r="L12" s="43">
        <v>99.187896470536515</v>
      </c>
      <c r="M12" s="44">
        <v>7.8539320085616229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644</v>
      </c>
      <c r="E13" s="29">
        <v>-313</v>
      </c>
      <c r="F13" s="29">
        <v>168</v>
      </c>
      <c r="G13" s="29">
        <v>481</v>
      </c>
      <c r="H13" s="29">
        <v>-331</v>
      </c>
      <c r="I13" s="29">
        <v>1073</v>
      </c>
      <c r="J13" s="29">
        <v>1404</v>
      </c>
      <c r="K13" s="30">
        <v>-0.17108321710832169</v>
      </c>
      <c r="L13" s="31">
        <v>99.125140422645657</v>
      </c>
      <c r="M13" s="32">
        <v>4.070670764119134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165</v>
      </c>
      <c r="E14" s="41">
        <v>-128</v>
      </c>
      <c r="F14" s="41">
        <v>117</v>
      </c>
      <c r="G14" s="41">
        <v>245</v>
      </c>
      <c r="H14" s="41">
        <v>293</v>
      </c>
      <c r="I14" s="41">
        <v>964</v>
      </c>
      <c r="J14" s="41">
        <v>671</v>
      </c>
      <c r="K14" s="42">
        <v>6.3896526352476474E-2</v>
      </c>
      <c r="L14" s="43">
        <v>99.532818532818538</v>
      </c>
      <c r="M14" s="44">
        <v>2.7990797089117425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120</v>
      </c>
      <c r="E15" s="29">
        <v>-107</v>
      </c>
      <c r="F15" s="29">
        <v>69</v>
      </c>
      <c r="G15" s="29">
        <v>176</v>
      </c>
      <c r="H15" s="29">
        <v>-13</v>
      </c>
      <c r="I15" s="29">
        <v>549</v>
      </c>
      <c r="J15" s="29">
        <v>562</v>
      </c>
      <c r="K15" s="30">
        <v>-6.985150733731875E-2</v>
      </c>
      <c r="L15" s="31">
        <v>88.363927627031231</v>
      </c>
      <c r="M15" s="32">
        <v>1.8596583171810814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-35</v>
      </c>
      <c r="E16" s="41">
        <v>-119</v>
      </c>
      <c r="F16" s="41">
        <v>278</v>
      </c>
      <c r="G16" s="41">
        <v>397</v>
      </c>
      <c r="H16" s="41">
        <v>84</v>
      </c>
      <c r="I16" s="41">
        <v>1486</v>
      </c>
      <c r="J16" s="41">
        <v>1402</v>
      </c>
      <c r="K16" s="42">
        <v>-7.8832202278926351E-3</v>
      </c>
      <c r="L16" s="43">
        <v>97.34090787859391</v>
      </c>
      <c r="M16" s="44">
        <v>4.8090723135220586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-129</v>
      </c>
      <c r="E17" s="29">
        <v>-133</v>
      </c>
      <c r="F17" s="29">
        <v>67</v>
      </c>
      <c r="G17" s="29">
        <v>200</v>
      </c>
      <c r="H17" s="29">
        <v>4</v>
      </c>
      <c r="I17" s="29">
        <v>497</v>
      </c>
      <c r="J17" s="29">
        <v>493</v>
      </c>
      <c r="K17" s="30">
        <v>-6.9119238723919549E-2</v>
      </c>
      <c r="L17" s="31">
        <v>93.608495707508482</v>
      </c>
      <c r="M17" s="32">
        <v>2.0203268682079165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66</v>
      </c>
      <c r="E18" s="41">
        <v>-107</v>
      </c>
      <c r="F18" s="41">
        <v>118</v>
      </c>
      <c r="G18" s="41">
        <v>225</v>
      </c>
      <c r="H18" s="41">
        <v>173</v>
      </c>
      <c r="I18" s="41">
        <v>826</v>
      </c>
      <c r="J18" s="41">
        <v>653</v>
      </c>
      <c r="K18" s="42">
        <v>2.6892892941838008E-2</v>
      </c>
      <c r="L18" s="43">
        <v>93.931254591848827</v>
      </c>
      <c r="M18" s="44">
        <v>2.6592205083786071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-80</v>
      </c>
      <c r="E19" s="29">
        <v>-49</v>
      </c>
      <c r="F19" s="29">
        <v>16</v>
      </c>
      <c r="G19" s="29">
        <v>65</v>
      </c>
      <c r="H19" s="29">
        <v>-31</v>
      </c>
      <c r="I19" s="29">
        <v>175</v>
      </c>
      <c r="J19" s="29">
        <v>206</v>
      </c>
      <c r="K19" s="30">
        <v>-0.14250596743738644</v>
      </c>
      <c r="L19" s="31">
        <v>87.49749147100141</v>
      </c>
      <c r="M19" s="32">
        <v>0.60725172825393081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1</v>
      </c>
      <c r="E20" s="41">
        <v>-48</v>
      </c>
      <c r="F20" s="41">
        <v>9</v>
      </c>
      <c r="G20" s="41">
        <v>57</v>
      </c>
      <c r="H20" s="41">
        <v>47</v>
      </c>
      <c r="I20" s="41">
        <v>128</v>
      </c>
      <c r="J20" s="41">
        <v>81</v>
      </c>
      <c r="K20" s="42">
        <v>-2.4777006937561942E-3</v>
      </c>
      <c r="L20" s="43">
        <v>91.283947106497948</v>
      </c>
      <c r="M20" s="44">
        <v>0.43719134647330254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-16</v>
      </c>
      <c r="E21" s="29">
        <v>-102</v>
      </c>
      <c r="F21" s="29">
        <v>55</v>
      </c>
      <c r="G21" s="29">
        <v>157</v>
      </c>
      <c r="H21" s="29">
        <v>86</v>
      </c>
      <c r="I21" s="29">
        <v>504</v>
      </c>
      <c r="J21" s="29">
        <v>418</v>
      </c>
      <c r="K21" s="30">
        <v>-9.9117851124987614E-3</v>
      </c>
      <c r="L21" s="31">
        <v>102.08333333333333</v>
      </c>
      <c r="M21" s="32">
        <v>1.7484620741733645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-43</v>
      </c>
      <c r="E22" s="41">
        <v>-96</v>
      </c>
      <c r="F22" s="41">
        <v>112</v>
      </c>
      <c r="G22" s="41">
        <v>208</v>
      </c>
      <c r="H22" s="41">
        <v>53</v>
      </c>
      <c r="I22" s="41">
        <v>816</v>
      </c>
      <c r="J22" s="41">
        <v>763</v>
      </c>
      <c r="K22" s="42">
        <v>-1.918435270655525E-2</v>
      </c>
      <c r="L22" s="43">
        <v>106.3042577675489</v>
      </c>
      <c r="M22" s="44">
        <v>2.4275553497850333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82</v>
      </c>
      <c r="E23" s="29">
        <v>-54</v>
      </c>
      <c r="F23" s="29">
        <v>138</v>
      </c>
      <c r="G23" s="29">
        <v>192</v>
      </c>
      <c r="H23" s="29">
        <v>136</v>
      </c>
      <c r="I23" s="29">
        <v>995</v>
      </c>
      <c r="J23" s="29">
        <v>859</v>
      </c>
      <c r="K23" s="30">
        <v>3.370740329674847E-2</v>
      </c>
      <c r="L23" s="31">
        <v>99.312016773686281</v>
      </c>
      <c r="M23" s="32">
        <v>2.6361254874246418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11</v>
      </c>
      <c r="E24" s="41">
        <v>-51</v>
      </c>
      <c r="F24" s="41">
        <v>46</v>
      </c>
      <c r="G24" s="41">
        <v>97</v>
      </c>
      <c r="H24" s="41">
        <v>62</v>
      </c>
      <c r="I24" s="41">
        <v>392</v>
      </c>
      <c r="J24" s="41">
        <v>330</v>
      </c>
      <c r="K24" s="42">
        <v>1.0837118114735525E-2</v>
      </c>
      <c r="L24" s="43">
        <v>102.42881072026802</v>
      </c>
      <c r="M24" s="44">
        <v>1.0996566403005732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77</v>
      </c>
      <c r="E25" s="29">
        <v>-18</v>
      </c>
      <c r="F25" s="29">
        <v>89</v>
      </c>
      <c r="G25" s="29">
        <v>107</v>
      </c>
      <c r="H25" s="29">
        <v>95</v>
      </c>
      <c r="I25" s="29">
        <v>603</v>
      </c>
      <c r="J25" s="29">
        <v>508</v>
      </c>
      <c r="K25" s="30">
        <v>5.4984290202799206E-2</v>
      </c>
      <c r="L25" s="31">
        <v>100.91339260108975</v>
      </c>
      <c r="M25" s="32">
        <v>1.5178260089149813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-28</v>
      </c>
      <c r="E26" s="41">
        <v>-66</v>
      </c>
      <c r="F26" s="41">
        <v>54</v>
      </c>
      <c r="G26" s="41">
        <v>120</v>
      </c>
      <c r="H26" s="41">
        <v>38</v>
      </c>
      <c r="I26" s="41">
        <v>529</v>
      </c>
      <c r="J26" s="41">
        <v>491</v>
      </c>
      <c r="K26" s="42">
        <v>-2.1198791668874874E-2</v>
      </c>
      <c r="L26" s="43">
        <v>98.743321544134247</v>
      </c>
      <c r="M26" s="44">
        <v>1.4304938987222671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10</v>
      </c>
      <c r="E27" s="29">
        <v>-33</v>
      </c>
      <c r="F27" s="29">
        <v>13</v>
      </c>
      <c r="G27" s="29">
        <v>46</v>
      </c>
      <c r="H27" s="29">
        <v>23</v>
      </c>
      <c r="I27" s="29">
        <v>111</v>
      </c>
      <c r="J27" s="29">
        <v>88</v>
      </c>
      <c r="K27" s="30">
        <v>-2.509032517061421E-2</v>
      </c>
      <c r="L27" s="31">
        <v>95.457667026390652</v>
      </c>
      <c r="M27" s="32">
        <v>0.43163424246327248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29</v>
      </c>
      <c r="E28" s="41">
        <v>-32</v>
      </c>
      <c r="F28" s="41">
        <v>44</v>
      </c>
      <c r="G28" s="41">
        <v>76</v>
      </c>
      <c r="H28" s="41">
        <v>61</v>
      </c>
      <c r="I28" s="41">
        <v>372</v>
      </c>
      <c r="J28" s="41">
        <v>311</v>
      </c>
      <c r="K28" s="42">
        <v>3.4946495710016387E-2</v>
      </c>
      <c r="L28" s="43">
        <v>101.9240592542142</v>
      </c>
      <c r="M28" s="44">
        <v>0.89924342141252911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-26</v>
      </c>
      <c r="E29" s="29">
        <v>-25</v>
      </c>
      <c r="F29" s="29">
        <v>14</v>
      </c>
      <c r="G29" s="29">
        <v>39</v>
      </c>
      <c r="H29" s="29">
        <v>-1</v>
      </c>
      <c r="I29" s="29">
        <v>77</v>
      </c>
      <c r="J29" s="29">
        <v>78</v>
      </c>
      <c r="K29" s="30">
        <v>-8.3352034110217035E-2</v>
      </c>
      <c r="L29" s="31">
        <v>88.434099153567118</v>
      </c>
      <c r="M29" s="32">
        <v>0.3376184418725296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15</v>
      </c>
      <c r="E30" s="41">
        <v>-26</v>
      </c>
      <c r="F30" s="41">
        <v>24</v>
      </c>
      <c r="G30" s="41">
        <v>50</v>
      </c>
      <c r="H30" s="41">
        <v>41</v>
      </c>
      <c r="I30" s="41">
        <v>188</v>
      </c>
      <c r="J30" s="41">
        <v>147</v>
      </c>
      <c r="K30" s="42">
        <v>3.0848963474827244E-2</v>
      </c>
      <c r="L30" s="43">
        <v>102.97542043984475</v>
      </c>
      <c r="M30" s="44">
        <v>0.52688495505624433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-16</v>
      </c>
      <c r="E31" s="29">
        <v>-20</v>
      </c>
      <c r="F31" s="29">
        <v>13</v>
      </c>
      <c r="G31" s="29">
        <v>33</v>
      </c>
      <c r="H31" s="29">
        <v>4</v>
      </c>
      <c r="I31" s="29">
        <v>80</v>
      </c>
      <c r="J31" s="29">
        <v>76</v>
      </c>
      <c r="K31" s="30">
        <v>-5.1316591295423208E-2</v>
      </c>
      <c r="L31" s="31">
        <v>94.780923807737977</v>
      </c>
      <c r="M31" s="32">
        <v>0.33757511162683729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-18</v>
      </c>
      <c r="E32" s="41">
        <v>-20</v>
      </c>
      <c r="F32" s="41">
        <v>12</v>
      </c>
      <c r="G32" s="41">
        <v>32</v>
      </c>
      <c r="H32" s="41">
        <v>2</v>
      </c>
      <c r="I32" s="41">
        <v>77</v>
      </c>
      <c r="J32" s="41">
        <v>75</v>
      </c>
      <c r="K32" s="42">
        <v>-6.6664197622310281E-2</v>
      </c>
      <c r="L32" s="43">
        <v>92.309885254080243</v>
      </c>
      <c r="M32" s="44">
        <v>0.29229500487844406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2</v>
      </c>
      <c r="E33" s="29">
        <v>-1</v>
      </c>
      <c r="F33" s="29">
        <v>7</v>
      </c>
      <c r="G33" s="29">
        <v>8</v>
      </c>
      <c r="H33" s="29">
        <v>3</v>
      </c>
      <c r="I33" s="29">
        <v>20</v>
      </c>
      <c r="J33" s="29">
        <v>17</v>
      </c>
      <c r="K33" s="30">
        <v>2.2289089490694303E-2</v>
      </c>
      <c r="L33" s="31">
        <v>99.577496108516797</v>
      </c>
      <c r="M33" s="32">
        <v>9.7222238771968839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25</v>
      </c>
      <c r="E34" s="41">
        <v>-5</v>
      </c>
      <c r="F34" s="41">
        <v>10</v>
      </c>
      <c r="G34" s="41">
        <v>15</v>
      </c>
      <c r="H34" s="41">
        <v>30</v>
      </c>
      <c r="I34" s="41">
        <v>61</v>
      </c>
      <c r="J34" s="41">
        <v>31</v>
      </c>
      <c r="K34" s="42">
        <v>0.14467592592592593</v>
      </c>
      <c r="L34" s="43">
        <v>96.290834845735034</v>
      </c>
      <c r="M34" s="44">
        <v>0.18745747542606359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25</v>
      </c>
      <c r="E35" s="29">
        <v>-4</v>
      </c>
      <c r="F35" s="29">
        <v>6</v>
      </c>
      <c r="G35" s="29">
        <v>10</v>
      </c>
      <c r="H35" s="29">
        <v>29</v>
      </c>
      <c r="I35" s="29">
        <v>115</v>
      </c>
      <c r="J35" s="29">
        <v>86</v>
      </c>
      <c r="K35" s="30">
        <v>0.24126616483304383</v>
      </c>
      <c r="L35" s="31">
        <v>98.490349703802792</v>
      </c>
      <c r="M35" s="32">
        <v>0.1125178155013304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14</v>
      </c>
      <c r="E36" s="41">
        <v>-18</v>
      </c>
      <c r="F36" s="41">
        <v>3</v>
      </c>
      <c r="G36" s="41">
        <v>21</v>
      </c>
      <c r="H36" s="41">
        <v>4</v>
      </c>
      <c r="I36" s="41">
        <v>28</v>
      </c>
      <c r="J36" s="41">
        <v>24</v>
      </c>
      <c r="K36" s="42">
        <v>-0.15117157974300832</v>
      </c>
      <c r="L36" s="43">
        <v>98.47606782571367</v>
      </c>
      <c r="M36" s="44">
        <v>0.10016869547904134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-6</v>
      </c>
      <c r="E37" s="29">
        <v>-6</v>
      </c>
      <c r="F37" s="29">
        <v>11</v>
      </c>
      <c r="G37" s="29">
        <v>17</v>
      </c>
      <c r="H37" s="29">
        <v>0</v>
      </c>
      <c r="I37" s="29">
        <v>60</v>
      </c>
      <c r="J37" s="29">
        <v>60</v>
      </c>
      <c r="K37" s="30">
        <v>-3.1874203144921377E-2</v>
      </c>
      <c r="L37" s="31">
        <v>94.320528707145812</v>
      </c>
      <c r="M37" s="32">
        <v>0.20384714085915426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23</v>
      </c>
      <c r="E38" s="41">
        <v>-9</v>
      </c>
      <c r="F38" s="41">
        <v>5</v>
      </c>
      <c r="G38" s="41">
        <v>14</v>
      </c>
      <c r="H38" s="41">
        <v>-14</v>
      </c>
      <c r="I38" s="41">
        <v>91</v>
      </c>
      <c r="J38" s="41">
        <v>105</v>
      </c>
      <c r="K38" s="42">
        <v>-0.20928116469517744</v>
      </c>
      <c r="L38" s="43">
        <v>92.133847231955144</v>
      </c>
      <c r="M38" s="44">
        <v>0.11880070112670554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-18</v>
      </c>
      <c r="E39" s="29">
        <v>-9</v>
      </c>
      <c r="F39" s="29">
        <v>1</v>
      </c>
      <c r="G39" s="29">
        <v>10</v>
      </c>
      <c r="H39" s="29">
        <v>-9</v>
      </c>
      <c r="I39" s="29">
        <v>10</v>
      </c>
      <c r="J39" s="29">
        <v>19</v>
      </c>
      <c r="K39" s="30">
        <v>-0.28270771163813413</v>
      </c>
      <c r="L39" s="31">
        <v>86.570672935645021</v>
      </c>
      <c r="M39" s="32">
        <v>6.8775932475011722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62</v>
      </c>
      <c r="E40" s="41">
        <v>-36</v>
      </c>
      <c r="F40" s="41">
        <v>4</v>
      </c>
      <c r="G40" s="41">
        <v>40</v>
      </c>
      <c r="H40" s="41">
        <v>-26</v>
      </c>
      <c r="I40" s="41">
        <v>76</v>
      </c>
      <c r="J40" s="41">
        <v>102</v>
      </c>
      <c r="K40" s="42">
        <v>-0.27474962332712932</v>
      </c>
      <c r="L40" s="43">
        <v>86.383965545800891</v>
      </c>
      <c r="M40" s="44">
        <v>0.24377596226455564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-27</v>
      </c>
      <c r="E41" s="29">
        <v>-20</v>
      </c>
      <c r="F41" s="29">
        <v>18</v>
      </c>
      <c r="G41" s="29">
        <v>38</v>
      </c>
      <c r="H41" s="29">
        <v>-7</v>
      </c>
      <c r="I41" s="29">
        <v>153</v>
      </c>
      <c r="J41" s="29">
        <v>160</v>
      </c>
      <c r="K41" s="30">
        <v>-6.8576653459311188E-2</v>
      </c>
      <c r="L41" s="31">
        <v>109.54942479761398</v>
      </c>
      <c r="M41" s="32">
        <v>0.42620712919031911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0</v>
      </c>
      <c r="E42" s="41">
        <v>1</v>
      </c>
      <c r="F42" s="41">
        <v>3</v>
      </c>
      <c r="G42" s="41">
        <v>2</v>
      </c>
      <c r="H42" s="41">
        <v>-1</v>
      </c>
      <c r="I42" s="41">
        <v>6</v>
      </c>
      <c r="J42" s="41">
        <v>7</v>
      </c>
      <c r="K42" s="42">
        <v>0</v>
      </c>
      <c r="L42" s="43">
        <v>104.8353188507358</v>
      </c>
      <c r="M42" s="44">
        <v>3.1663577039606122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09-19T02:24:56Z</dcterms:modified>
</cp:coreProperties>
</file>